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désagrégation et les attributs. Chaque fois que nous désagrégeons un élément de données, comme c'est le cas dans cet exemple, nous sélectionnons "Désagrégation".</a:t>
            </a:r>
          </a:p>
          <a:p>
            <a:endParaRPr dirty="0" lang="en-US"/>
          </a:p>
          <a:p txid="c19c4bdbb6bbe3e97c2d054a2d21e31e">
            <a:r>
              <a:rPr dirty="0" lang="en-US"/>
              <a:t>Vous pouvez en savoir plus sur le type Attribut en consultant la documentation DHIS2. Vous pouvez voir ci-dessous la case à cocher 'Passer les totaux dans les rapport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Passer les totaux dans les rapport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des options sélectionnée. Il faut noter que l'ordre des options de catégorie dans la colonne des options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comprenant l'âge et le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A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Désagrégation sélectionnée. Pour en savoir plus sur le type Attribut, consultez la documentation DHIS2. Enfin, attribuez la bonne catégorie à la combinaison. Dans cet exemple, nous sélectionnons uniquement la catégorie "Age" et cliquons sur "Enregistrer".</a:t>
            </a:r>
          </a:p>
          <a:p>
            <a:endParaRPr dirty="0" lang="en-US"/>
          </a:p>
          <a:p txid="95fc5f0873fef43c4fd3f479cee0f812">
            <a:r>
              <a:rPr dirty="0" lang="en-US"/>
              <a:t>Répétons cette étape pour créer la deuxième combinaison de catégories de notre ensemble de données, la combinaison A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